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保健指導終了率の状況" sheetId="1" r:id="rId1"/>
  </sheets>
  <externalReferences>
    <externalReference r:id="rId2"/>
  </externalReferences>
  <definedNames>
    <definedName name="_Fill" localSheetId="0" hidden="1">#REF!</definedName>
    <definedName name="_Fill" hidden="1">#REF!</definedName>
    <definedName name="_Key1" localSheetId="0" hidden="1">#REF!</definedName>
    <definedName name="_Key1" hidden="1">#REF!</definedName>
    <definedName name="_Order1" hidden="1">0</definedName>
    <definedName name="\a" localSheetId="0">#REF!</definedName>
    <definedName name="\a">#REF!</definedName>
    <definedName name="\b" localSheetId="0">#REF!</definedName>
    <definedName name="\b">#REF!</definedName>
    <definedName name="_xlnm.Print_Area" localSheetId="0">保健指導終了率の状況!$A$1:$N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57">
  <si>
    <t>５.保健事業（２）特定保健指導終了率の状況</t>
    <rPh sb="2" eb="4">
      <t>ホケン</t>
    </rPh>
    <rPh sb="4" eb="6">
      <t>ジギョウ</t>
    </rPh>
    <rPh sb="9" eb="11">
      <t>トクテイ</t>
    </rPh>
    <rPh sb="11" eb="13">
      <t>ホケン</t>
    </rPh>
    <rPh sb="13" eb="15">
      <t>シドウ</t>
    </rPh>
    <rPh sb="15" eb="17">
      <t>シュウリョウ</t>
    </rPh>
    <rPh sb="17" eb="18">
      <t>リツ</t>
    </rPh>
    <rPh sb="19" eb="21">
      <t>ジョウキョウ</t>
    </rPh>
    <phoneticPr fontId="4"/>
  </si>
  <si>
    <t>保険者名</t>
    <phoneticPr fontId="8"/>
  </si>
  <si>
    <t>特　定　保　健　指　導</t>
    <phoneticPr fontId="8"/>
  </si>
  <si>
    <t>30年度</t>
    <rPh sb="2" eb="4">
      <t>ネンド</t>
    </rPh>
    <phoneticPr fontId="11"/>
  </si>
  <si>
    <t>29→30　　終了率　　増減（％）</t>
    <rPh sb="7" eb="9">
      <t>シュウリョウ</t>
    </rPh>
    <rPh sb="9" eb="10">
      <t>リツ</t>
    </rPh>
    <rPh sb="12" eb="14">
      <t>ゾウゲン</t>
    </rPh>
    <phoneticPr fontId="8"/>
  </si>
  <si>
    <t>元年度</t>
    <rPh sb="0" eb="1">
      <t>ガン</t>
    </rPh>
    <rPh sb="1" eb="3">
      <t>ネンド</t>
    </rPh>
    <phoneticPr fontId="11"/>
  </si>
  <si>
    <t>30→元　　終了率　　増減（％）</t>
    <rPh sb="3" eb="4">
      <t>モト</t>
    </rPh>
    <rPh sb="6" eb="8">
      <t>シュウリョウ</t>
    </rPh>
    <rPh sb="8" eb="9">
      <t>リツ</t>
    </rPh>
    <rPh sb="11" eb="13">
      <t>ゾウゲン</t>
    </rPh>
    <phoneticPr fontId="8"/>
  </si>
  <si>
    <t>２年度</t>
    <rPh sb="1" eb="3">
      <t>ネンド</t>
    </rPh>
    <phoneticPr fontId="11"/>
  </si>
  <si>
    <t>元→２　　終了率　　増減（％）</t>
    <rPh sb="0" eb="1">
      <t>モト</t>
    </rPh>
    <rPh sb="5" eb="7">
      <t>シュウリョウ</t>
    </rPh>
    <rPh sb="7" eb="8">
      <t>リツ</t>
    </rPh>
    <rPh sb="10" eb="12">
      <t>ゾウゲン</t>
    </rPh>
    <phoneticPr fontId="8"/>
  </si>
  <si>
    <t>対象者数</t>
    <rPh sb="0" eb="3">
      <t>タイショウシャ</t>
    </rPh>
    <rPh sb="3" eb="4">
      <t>スウ</t>
    </rPh>
    <phoneticPr fontId="2"/>
  </si>
  <si>
    <t>終了者数</t>
    <rPh sb="0" eb="3">
      <t>シュウリョウシャ</t>
    </rPh>
    <rPh sb="3" eb="4">
      <t>スウ</t>
    </rPh>
    <phoneticPr fontId="2"/>
  </si>
  <si>
    <t>終了率</t>
    <rPh sb="0" eb="2">
      <t>シュウリョウ</t>
    </rPh>
    <rPh sb="2" eb="3">
      <t>リツ</t>
    </rPh>
    <phoneticPr fontId="2"/>
  </si>
  <si>
    <t>（人）</t>
    <rPh sb="1" eb="2">
      <t>ニン</t>
    </rPh>
    <phoneticPr fontId="2"/>
  </si>
  <si>
    <t>（％）</t>
  </si>
  <si>
    <t>（％）</t>
    <phoneticPr fontId="2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計</t>
    <rPh sb="3" eb="4">
      <t>ケイ</t>
    </rPh>
    <phoneticPr fontId="8"/>
  </si>
  <si>
    <t>組 合 計</t>
    <rPh sb="4" eb="5">
      <t>ケイ</t>
    </rPh>
    <phoneticPr fontId="4"/>
  </si>
  <si>
    <t>県   計</t>
    <rPh sb="4" eb="5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.0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4"/>
      <name val="Terminal"/>
      <family val="3"/>
      <charset val="255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37" fontId="10" fillId="0" borderId="0"/>
    <xf numFmtId="0" fontId="2" fillId="0" borderId="0"/>
  </cellStyleXfs>
  <cellXfs count="105">
    <xf numFmtId="0" fontId="0" fillId="0" borderId="0" xfId="0"/>
    <xf numFmtId="49" fontId="2" fillId="0" borderId="0" xfId="1" applyNumberFormat="1" applyFont="1" applyAlignment="1">
      <alignment horizontal="left"/>
    </xf>
    <xf numFmtId="38" fontId="5" fillId="0" borderId="0" xfId="1" applyFont="1"/>
    <xf numFmtId="38" fontId="5" fillId="0" borderId="0" xfId="1" applyFont="1" applyFill="1"/>
    <xf numFmtId="38" fontId="6" fillId="0" borderId="0" xfId="1" applyFont="1"/>
    <xf numFmtId="0" fontId="5" fillId="0" borderId="0" xfId="0" applyFont="1" applyBorder="1" applyAlignment="1"/>
    <xf numFmtId="38" fontId="7" fillId="0" borderId="1" xfId="1" applyFont="1" applyBorder="1" applyAlignment="1">
      <alignment horizontal="distributed" vertical="center" justifyLastLine="1"/>
    </xf>
    <xf numFmtId="0" fontId="9" fillId="0" borderId="2" xfId="0" applyFont="1" applyBorder="1" applyAlignment="1">
      <alignment horizontal="distributed" vertical="center" justifyLastLine="1"/>
    </xf>
    <xf numFmtId="37" fontId="2" fillId="0" borderId="3" xfId="2" applyFont="1" applyFill="1" applyBorder="1" applyAlignment="1" applyProtection="1">
      <alignment horizontal="center" vertical="center"/>
    </xf>
    <xf numFmtId="37" fontId="2" fillId="0" borderId="4" xfId="2" applyFont="1" applyFill="1" applyBorder="1" applyAlignment="1" applyProtection="1">
      <alignment horizontal="center" vertical="center"/>
    </xf>
    <xf numFmtId="37" fontId="2" fillId="0" borderId="5" xfId="2" applyFont="1" applyFill="1" applyBorder="1" applyAlignment="1" applyProtection="1">
      <alignment horizontal="center" vertical="center"/>
    </xf>
    <xf numFmtId="38" fontId="5" fillId="0" borderId="0" xfId="1" applyFont="1" applyFill="1" applyBorder="1"/>
    <xf numFmtId="38" fontId="7" fillId="0" borderId="6" xfId="1" applyFont="1" applyBorder="1" applyAlignment="1">
      <alignment horizontal="distributed" vertical="center" justifyLastLine="1"/>
    </xf>
    <xf numFmtId="0" fontId="9" fillId="0" borderId="0" xfId="0" applyFont="1" applyBorder="1" applyAlignment="1">
      <alignment horizontal="distributed" vertical="center" justifyLastLine="1"/>
    </xf>
    <xf numFmtId="38" fontId="5" fillId="0" borderId="7" xfId="1" applyFont="1" applyFill="1" applyBorder="1" applyAlignment="1">
      <alignment horizontal="center" vertical="center"/>
    </xf>
    <xf numFmtId="0" fontId="5" fillId="0" borderId="8" xfId="3" applyFont="1" applyFill="1" applyBorder="1" applyAlignment="1">
      <alignment horizontal="center" vertical="center"/>
    </xf>
    <xf numFmtId="0" fontId="5" fillId="0" borderId="9" xfId="3" applyFont="1" applyFill="1" applyBorder="1" applyAlignment="1">
      <alignment horizontal="center" vertical="center"/>
    </xf>
    <xf numFmtId="0" fontId="5" fillId="0" borderId="10" xfId="3" applyFont="1" applyFill="1" applyBorder="1" applyAlignment="1">
      <alignment horizontal="center" vertical="center" wrapText="1"/>
    </xf>
    <xf numFmtId="38" fontId="5" fillId="0" borderId="8" xfId="1" applyFont="1" applyFill="1" applyBorder="1" applyAlignment="1">
      <alignment horizontal="center" vertical="center"/>
    </xf>
    <xf numFmtId="0" fontId="5" fillId="0" borderId="11" xfId="3" applyFont="1" applyFill="1" applyBorder="1" applyAlignment="1">
      <alignment horizontal="center" vertical="center" wrapText="1"/>
    </xf>
    <xf numFmtId="0" fontId="5" fillId="0" borderId="12" xfId="3" applyFont="1" applyFill="1" applyBorder="1" applyAlignment="1">
      <alignment horizontal="center" vertical="center" wrapText="1"/>
    </xf>
    <xf numFmtId="37" fontId="5" fillId="0" borderId="10" xfId="2" applyFont="1" applyFill="1" applyBorder="1" applyAlignment="1" applyProtection="1">
      <alignment horizontal="center" shrinkToFit="1"/>
    </xf>
    <xf numFmtId="37" fontId="5" fillId="0" borderId="13" xfId="2" applyFont="1" applyFill="1" applyBorder="1" applyAlignment="1" applyProtection="1">
      <alignment horizontal="center" shrinkToFit="1"/>
    </xf>
    <xf numFmtId="0" fontId="5" fillId="0" borderId="14" xfId="3" applyFont="1" applyFill="1" applyBorder="1" applyAlignment="1">
      <alignment horizontal="center" vertical="center" wrapText="1"/>
    </xf>
    <xf numFmtId="37" fontId="5" fillId="0" borderId="15" xfId="2" applyFont="1" applyFill="1" applyBorder="1" applyAlignment="1" applyProtection="1">
      <alignment horizontal="center" shrinkToFit="1"/>
    </xf>
    <xf numFmtId="0" fontId="5" fillId="0" borderId="16" xfId="3" applyFont="1" applyFill="1" applyBorder="1" applyAlignment="1">
      <alignment horizontal="center" vertical="center" wrapText="1"/>
    </xf>
    <xf numFmtId="0" fontId="9" fillId="0" borderId="17" xfId="0" applyFont="1" applyBorder="1" applyAlignment="1">
      <alignment horizontal="distributed" vertical="center" justifyLastLine="1"/>
    </xf>
    <xf numFmtId="0" fontId="9" fillId="0" borderId="18" xfId="0" applyFont="1" applyBorder="1" applyAlignment="1">
      <alignment horizontal="distributed" vertical="center" justifyLastLine="1"/>
    </xf>
    <xf numFmtId="37" fontId="5" fillId="0" borderId="19" xfId="2" applyFont="1" applyFill="1" applyBorder="1" applyAlignment="1" applyProtection="1">
      <alignment horizontal="right"/>
    </xf>
    <xf numFmtId="49" fontId="5" fillId="0" borderId="19" xfId="2" applyNumberFormat="1" applyFont="1" applyFill="1" applyBorder="1" applyAlignment="1" applyProtection="1">
      <alignment horizontal="right"/>
    </xf>
    <xf numFmtId="0" fontId="5" fillId="0" borderId="19" xfId="3" applyFont="1" applyFill="1" applyBorder="1" applyAlignment="1">
      <alignment horizontal="center" vertical="center" wrapText="1"/>
    </xf>
    <xf numFmtId="37" fontId="5" fillId="0" borderId="20" xfId="2" applyFont="1" applyFill="1" applyBorder="1" applyAlignment="1" applyProtection="1">
      <alignment horizontal="right"/>
    </xf>
    <xf numFmtId="0" fontId="5" fillId="0" borderId="21" xfId="3" applyFont="1" applyFill="1" applyBorder="1" applyAlignment="1">
      <alignment horizontal="center" vertical="center" wrapText="1"/>
    </xf>
    <xf numFmtId="38" fontId="5" fillId="0" borderId="6" xfId="1" applyFont="1" applyBorder="1"/>
    <xf numFmtId="38" fontId="5" fillId="0" borderId="11" xfId="1" applyFont="1" applyBorder="1"/>
    <xf numFmtId="3" fontId="7" fillId="0" borderId="22" xfId="1" applyNumberFormat="1" applyFont="1" applyFill="1" applyBorder="1"/>
    <xf numFmtId="176" fontId="7" fillId="0" borderId="22" xfId="1" applyNumberFormat="1" applyFont="1" applyFill="1" applyBorder="1"/>
    <xf numFmtId="38" fontId="7" fillId="0" borderId="19" xfId="1" applyFont="1" applyFill="1" applyBorder="1" applyProtection="1"/>
    <xf numFmtId="38" fontId="7" fillId="0" borderId="22" xfId="1" applyFont="1" applyFill="1" applyBorder="1" applyProtection="1"/>
    <xf numFmtId="176" fontId="7" fillId="0" borderId="11" xfId="1" applyNumberFormat="1" applyFont="1" applyFill="1" applyBorder="1"/>
    <xf numFmtId="176" fontId="7" fillId="0" borderId="19" xfId="1" applyNumberFormat="1" applyFont="1" applyFill="1" applyBorder="1"/>
    <xf numFmtId="38" fontId="7" fillId="0" borderId="20" xfId="1" applyFont="1" applyFill="1" applyBorder="1" applyProtection="1"/>
    <xf numFmtId="176" fontId="7" fillId="0" borderId="21" xfId="1" applyNumberFormat="1" applyFont="1" applyFill="1" applyBorder="1"/>
    <xf numFmtId="3" fontId="7" fillId="0" borderId="22" xfId="1" applyNumberFormat="1" applyFont="1" applyBorder="1"/>
    <xf numFmtId="176" fontId="7" fillId="0" borderId="21" xfId="1" applyNumberFormat="1" applyFont="1" applyBorder="1"/>
    <xf numFmtId="38" fontId="5" fillId="0" borderId="0" xfId="1" applyFont="1" applyBorder="1"/>
    <xf numFmtId="38" fontId="7" fillId="2" borderId="20" xfId="1" applyFont="1" applyFill="1" applyBorder="1" applyProtection="1"/>
    <xf numFmtId="38" fontId="7" fillId="2" borderId="22" xfId="1" applyFont="1" applyFill="1" applyBorder="1" applyProtection="1"/>
    <xf numFmtId="176" fontId="7" fillId="0" borderId="19" xfId="1" applyNumberFormat="1" applyFont="1" applyBorder="1"/>
    <xf numFmtId="38" fontId="5" fillId="0" borderId="23" xfId="1" applyFont="1" applyBorder="1"/>
    <xf numFmtId="38" fontId="5" fillId="0" borderId="19" xfId="1" applyFont="1" applyBorder="1"/>
    <xf numFmtId="3" fontId="7" fillId="0" borderId="7" xfId="1" applyNumberFormat="1" applyFont="1" applyBorder="1"/>
    <xf numFmtId="176" fontId="7" fillId="0" borderId="7" xfId="1" applyNumberFormat="1" applyFont="1" applyFill="1" applyBorder="1"/>
    <xf numFmtId="38" fontId="7" fillId="0" borderId="11" xfId="1" applyFont="1" applyFill="1" applyBorder="1" applyProtection="1"/>
    <xf numFmtId="38" fontId="7" fillId="0" borderId="7" xfId="1" applyFont="1" applyFill="1" applyBorder="1" applyProtection="1"/>
    <xf numFmtId="38" fontId="7" fillId="0" borderId="9" xfId="1" applyFont="1" applyFill="1" applyBorder="1" applyProtection="1"/>
    <xf numFmtId="176" fontId="7" fillId="0" borderId="11" xfId="1" applyNumberFormat="1" applyFont="1" applyBorder="1"/>
    <xf numFmtId="38" fontId="5" fillId="0" borderId="24" xfId="1" applyFont="1" applyBorder="1"/>
    <xf numFmtId="38" fontId="5" fillId="0" borderId="25" xfId="1" applyFont="1" applyBorder="1"/>
    <xf numFmtId="3" fontId="7" fillId="0" borderId="26" xfId="1" applyNumberFormat="1" applyFont="1" applyBorder="1"/>
    <xf numFmtId="176" fontId="7" fillId="0" borderId="26" xfId="1" applyNumberFormat="1" applyFont="1" applyFill="1" applyBorder="1"/>
    <xf numFmtId="38" fontId="7" fillId="0" borderId="25" xfId="1" applyFont="1" applyFill="1" applyBorder="1" applyProtection="1"/>
    <xf numFmtId="38" fontId="7" fillId="0" borderId="26" xfId="1" applyFont="1" applyFill="1" applyBorder="1" applyProtection="1"/>
    <xf numFmtId="176" fontId="7" fillId="0" borderId="14" xfId="1" applyNumberFormat="1" applyFont="1" applyFill="1" applyBorder="1"/>
    <xf numFmtId="38" fontId="7" fillId="0" borderId="27" xfId="1" applyFont="1" applyFill="1" applyBorder="1" applyProtection="1"/>
    <xf numFmtId="176" fontId="7" fillId="0" borderId="26" xfId="1" applyNumberFormat="1" applyFont="1" applyBorder="1"/>
    <xf numFmtId="176" fontId="7" fillId="0" borderId="16" xfId="1" applyNumberFormat="1" applyFont="1" applyBorder="1"/>
    <xf numFmtId="0" fontId="7" fillId="0" borderId="28" xfId="1" applyNumberFormat="1" applyFont="1" applyFill="1" applyBorder="1"/>
    <xf numFmtId="176" fontId="7" fillId="0" borderId="28" xfId="1" applyNumberFormat="1" applyFont="1" applyFill="1" applyBorder="1"/>
    <xf numFmtId="0" fontId="7" fillId="0" borderId="28" xfId="1" applyNumberFormat="1" applyFont="1" applyBorder="1"/>
    <xf numFmtId="176" fontId="7" fillId="0" borderId="29" xfId="1" applyNumberFormat="1" applyFont="1" applyBorder="1"/>
    <xf numFmtId="38" fontId="7" fillId="0" borderId="11" xfId="1" applyFont="1" applyFill="1" applyBorder="1"/>
    <xf numFmtId="0" fontId="7" fillId="0" borderId="11" xfId="1" applyNumberFormat="1" applyFont="1" applyFill="1" applyBorder="1"/>
    <xf numFmtId="38" fontId="7" fillId="0" borderId="9" xfId="1" applyFont="1" applyBorder="1"/>
    <xf numFmtId="38" fontId="7" fillId="0" borderId="11" xfId="1" applyFont="1" applyBorder="1"/>
    <xf numFmtId="0" fontId="7" fillId="0" borderId="11" xfId="1" applyNumberFormat="1" applyFont="1" applyBorder="1"/>
    <xf numFmtId="38" fontId="5" fillId="0" borderId="30" xfId="1" applyFont="1" applyBorder="1"/>
    <xf numFmtId="3" fontId="7" fillId="0" borderId="31" xfId="1" applyNumberFormat="1" applyFont="1" applyBorder="1"/>
    <xf numFmtId="176" fontId="7" fillId="0" borderId="31" xfId="1" applyNumberFormat="1" applyFont="1" applyFill="1" applyBorder="1"/>
    <xf numFmtId="38" fontId="7" fillId="0" borderId="10" xfId="1" applyFont="1" applyFill="1" applyBorder="1"/>
    <xf numFmtId="0" fontId="7" fillId="0" borderId="25" xfId="1" applyNumberFormat="1" applyFont="1" applyFill="1" applyBorder="1"/>
    <xf numFmtId="38" fontId="7" fillId="0" borderId="15" xfId="1" applyFont="1" applyBorder="1"/>
    <xf numFmtId="38" fontId="7" fillId="0" borderId="10" xfId="1" applyFont="1" applyBorder="1"/>
    <xf numFmtId="0" fontId="7" fillId="0" borderId="25" xfId="1" applyNumberFormat="1" applyFont="1" applyBorder="1"/>
    <xf numFmtId="38" fontId="5" fillId="0" borderId="32" xfId="1" applyFont="1" applyBorder="1" applyAlignment="1">
      <alignment horizontal="distributed" justifyLastLine="1"/>
    </xf>
    <xf numFmtId="38" fontId="5" fillId="0" borderId="33" xfId="1" applyFont="1" applyBorder="1" applyAlignment="1">
      <alignment horizontal="distributed" justifyLastLine="1"/>
    </xf>
    <xf numFmtId="3" fontId="7" fillId="0" borderId="34" xfId="1" applyNumberFormat="1" applyFont="1" applyBorder="1"/>
    <xf numFmtId="176" fontId="7" fillId="0" borderId="34" xfId="1" applyNumberFormat="1" applyFont="1" applyFill="1" applyBorder="1"/>
    <xf numFmtId="38" fontId="7" fillId="0" borderId="35" xfId="1" applyFont="1" applyFill="1" applyBorder="1"/>
    <xf numFmtId="176" fontId="7" fillId="0" borderId="35" xfId="1" applyNumberFormat="1" applyFont="1" applyFill="1" applyBorder="1"/>
    <xf numFmtId="38" fontId="7" fillId="0" borderId="33" xfId="1" applyFont="1" applyBorder="1"/>
    <xf numFmtId="38" fontId="7" fillId="0" borderId="35" xfId="1" applyFont="1" applyBorder="1"/>
    <xf numFmtId="176" fontId="7" fillId="0" borderId="34" xfId="1" applyNumberFormat="1" applyFont="1" applyBorder="1"/>
    <xf numFmtId="176" fontId="7" fillId="0" borderId="36" xfId="1" applyNumberFormat="1" applyFont="1" applyBorder="1"/>
    <xf numFmtId="176" fontId="7" fillId="0" borderId="35" xfId="1" applyNumberFormat="1" applyFont="1" applyBorder="1"/>
    <xf numFmtId="38" fontId="5" fillId="0" borderId="37" xfId="1" applyFont="1" applyBorder="1" applyAlignment="1">
      <alignment horizontal="distributed" justifyLastLine="1"/>
    </xf>
    <xf numFmtId="38" fontId="5" fillId="0" borderId="38" xfId="1" applyFont="1" applyBorder="1" applyAlignment="1">
      <alignment horizontal="distributed" justifyLastLine="1"/>
    </xf>
    <xf numFmtId="3" fontId="7" fillId="0" borderId="39" xfId="1" applyNumberFormat="1" applyFont="1" applyBorder="1"/>
    <xf numFmtId="176" fontId="7" fillId="0" borderId="39" xfId="1" applyNumberFormat="1" applyFont="1" applyFill="1" applyBorder="1"/>
    <xf numFmtId="38" fontId="7" fillId="0" borderId="40" xfId="1" applyFont="1" applyFill="1" applyBorder="1" applyProtection="1"/>
    <xf numFmtId="176" fontId="7" fillId="0" borderId="40" xfId="1" applyNumberFormat="1" applyFont="1" applyFill="1" applyBorder="1"/>
    <xf numFmtId="38" fontId="7" fillId="0" borderId="41" xfId="1" applyFont="1" applyFill="1" applyBorder="1" applyProtection="1"/>
    <xf numFmtId="176" fontId="7" fillId="0" borderId="39" xfId="1" applyNumberFormat="1" applyFont="1" applyBorder="1"/>
    <xf numFmtId="176" fontId="7" fillId="0" borderId="42" xfId="1" applyNumberFormat="1" applyFont="1" applyBorder="1"/>
    <xf numFmtId="0" fontId="5" fillId="0" borderId="0" xfId="1" quotePrefix="1" applyNumberFormat="1" applyFont="1"/>
  </cellXfs>
  <cellStyles count="4">
    <cellStyle name="桁区切り" xfId="1" builtinId="6"/>
    <cellStyle name="標準" xfId="0" builtinId="0"/>
    <cellStyle name="標準_(訂正)特定健診20-21" xfId="3"/>
    <cellStyle name="標準_事04統1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0</xdr:colOff>
      <xdr:row>10</xdr:row>
      <xdr:rowOff>180975</xdr:rowOff>
    </xdr:from>
    <xdr:ext cx="76200" cy="207645"/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825500" y="2257425"/>
          <a:ext cx="76200" cy="20764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825500" y="231140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1</xdr:row>
      <xdr:rowOff>180975</xdr:rowOff>
    </xdr:from>
    <xdr:ext cx="76200" cy="213995"/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3505200" y="2492375"/>
          <a:ext cx="76200" cy="21399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0</xdr:row>
      <xdr:rowOff>180975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3505200" y="225742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1</xdr:row>
      <xdr:rowOff>180975</xdr:rowOff>
    </xdr:from>
    <xdr:ext cx="76200" cy="212725"/>
    <xdr:sp macro="" textlink="">
      <xdr:nvSpPr>
        <xdr:cNvPr id="6" name="Text Box 1"/>
        <xdr:cNvSpPr txBox="1">
          <a:spLocks noChangeArrowheads="1"/>
        </xdr:cNvSpPr>
      </xdr:nvSpPr>
      <xdr:spPr bwMode="auto">
        <a:xfrm>
          <a:off x="5664200" y="2492375"/>
          <a:ext cx="76200" cy="2127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0</xdr:row>
      <xdr:rowOff>180975</xdr:rowOff>
    </xdr:from>
    <xdr:ext cx="76200" cy="209550"/>
    <xdr:sp macro="" textlink="">
      <xdr:nvSpPr>
        <xdr:cNvPr id="7" name="Text Box 1"/>
        <xdr:cNvSpPr txBox="1">
          <a:spLocks noChangeArrowheads="1"/>
        </xdr:cNvSpPr>
      </xdr:nvSpPr>
      <xdr:spPr bwMode="auto">
        <a:xfrm>
          <a:off x="5664200" y="225742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9305;&#23450;&#20581;&#35386;&#12289;&#29305;&#23450;&#20445;&#20581;&#25351;&#23566;&#23455;&#26045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特定健診受診率の状況"/>
      <sheetName val="保健指導終了率の状況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tabSelected="1" zoomScaleNormal="100" zoomScaleSheetLayoutView="100" workbookViewId="0"/>
  </sheetViews>
  <sheetFormatPr defaultColWidth="9" defaultRowHeight="11" x14ac:dyDescent="0.2"/>
  <cols>
    <col min="1" max="1" width="3.36328125" style="2" customWidth="1"/>
    <col min="2" max="2" width="8.453125" style="2" customWidth="1"/>
    <col min="3" max="4" width="7.453125" style="2" customWidth="1"/>
    <col min="5" max="5" width="7.453125" style="3" customWidth="1"/>
    <col min="6" max="6" width="7.90625" style="3" customWidth="1"/>
    <col min="7" max="7" width="8.08984375" style="3" customWidth="1"/>
    <col min="8" max="9" width="7.453125" style="3" customWidth="1"/>
    <col min="10" max="10" width="7.90625" style="3" customWidth="1"/>
    <col min="11" max="11" width="8.08984375" style="2" customWidth="1"/>
    <col min="12" max="12" width="7.453125" style="2" customWidth="1"/>
    <col min="13" max="13" width="7.453125" style="3" customWidth="1"/>
    <col min="14" max="14" width="7.90625" style="2" customWidth="1"/>
    <col min="15" max="15" width="1.36328125" style="2" customWidth="1"/>
    <col min="16" max="16384" width="9" style="2"/>
  </cols>
  <sheetData>
    <row r="1" spans="1:16" ht="16.5" customHeight="1" x14ac:dyDescent="0.2">
      <c r="A1" s="1" t="s">
        <v>0</v>
      </c>
      <c r="B1" s="1"/>
      <c r="P1" s="4"/>
    </row>
    <row r="2" spans="1:16" ht="12" customHeight="1" thickBot="1" x14ac:dyDescent="0.25">
      <c r="A2" s="5"/>
      <c r="B2" s="5"/>
      <c r="M2" s="2"/>
      <c r="P2" s="4"/>
    </row>
    <row r="3" spans="1:16" ht="15" customHeight="1" x14ac:dyDescent="0.2">
      <c r="A3" s="6" t="s">
        <v>1</v>
      </c>
      <c r="B3" s="7"/>
      <c r="C3" s="8" t="s">
        <v>2</v>
      </c>
      <c r="D3" s="9"/>
      <c r="E3" s="9"/>
      <c r="F3" s="9"/>
      <c r="G3" s="9"/>
      <c r="H3" s="9"/>
      <c r="I3" s="9"/>
      <c r="J3" s="9"/>
      <c r="K3" s="9"/>
      <c r="L3" s="9"/>
      <c r="M3" s="9"/>
      <c r="N3" s="10"/>
      <c r="O3" s="11"/>
      <c r="P3" s="3"/>
    </row>
    <row r="4" spans="1:16" ht="16.25" customHeight="1" x14ac:dyDescent="0.2">
      <c r="A4" s="12"/>
      <c r="B4" s="13"/>
      <c r="C4" s="14" t="s">
        <v>3</v>
      </c>
      <c r="D4" s="15"/>
      <c r="E4" s="16"/>
      <c r="F4" s="17" t="s">
        <v>4</v>
      </c>
      <c r="G4" s="18" t="s">
        <v>5</v>
      </c>
      <c r="H4" s="15"/>
      <c r="I4" s="16"/>
      <c r="J4" s="19" t="s">
        <v>6</v>
      </c>
      <c r="K4" s="18" t="s">
        <v>7</v>
      </c>
      <c r="L4" s="15"/>
      <c r="M4" s="16"/>
      <c r="N4" s="20" t="s">
        <v>8</v>
      </c>
      <c r="O4" s="11"/>
      <c r="P4" s="3"/>
    </row>
    <row r="5" spans="1:16" ht="15" customHeight="1" x14ac:dyDescent="0.2">
      <c r="A5" s="12"/>
      <c r="B5" s="13"/>
      <c r="C5" s="21" t="s">
        <v>9</v>
      </c>
      <c r="D5" s="22" t="s">
        <v>10</v>
      </c>
      <c r="E5" s="21" t="s">
        <v>11</v>
      </c>
      <c r="F5" s="23"/>
      <c r="G5" s="24" t="s">
        <v>9</v>
      </c>
      <c r="H5" s="22" t="s">
        <v>10</v>
      </c>
      <c r="I5" s="21" t="s">
        <v>11</v>
      </c>
      <c r="J5" s="19"/>
      <c r="K5" s="24" t="s">
        <v>9</v>
      </c>
      <c r="L5" s="22" t="s">
        <v>10</v>
      </c>
      <c r="M5" s="21" t="s">
        <v>11</v>
      </c>
      <c r="N5" s="25"/>
      <c r="O5" s="11"/>
      <c r="P5" s="3"/>
    </row>
    <row r="6" spans="1:16" ht="15" customHeight="1" x14ac:dyDescent="0.2">
      <c r="A6" s="26"/>
      <c r="B6" s="27"/>
      <c r="C6" s="28" t="s">
        <v>12</v>
      </c>
      <c r="D6" s="29" t="s">
        <v>12</v>
      </c>
      <c r="E6" s="28" t="s">
        <v>13</v>
      </c>
      <c r="F6" s="30"/>
      <c r="G6" s="28" t="s">
        <v>12</v>
      </c>
      <c r="H6" s="29" t="s">
        <v>12</v>
      </c>
      <c r="I6" s="28" t="s">
        <v>14</v>
      </c>
      <c r="J6" s="19"/>
      <c r="K6" s="31" t="s">
        <v>12</v>
      </c>
      <c r="L6" s="29" t="s">
        <v>12</v>
      </c>
      <c r="M6" s="28" t="s">
        <v>14</v>
      </c>
      <c r="N6" s="32"/>
      <c r="O6" s="11"/>
      <c r="P6" s="3"/>
    </row>
    <row r="7" spans="1:16" ht="18.899999999999999" customHeight="1" x14ac:dyDescent="0.2">
      <c r="A7" s="33">
        <v>1</v>
      </c>
      <c r="B7" s="34" t="s">
        <v>15</v>
      </c>
      <c r="C7" s="35">
        <v>14397</v>
      </c>
      <c r="D7" s="35">
        <v>1102</v>
      </c>
      <c r="E7" s="36">
        <v>7.7</v>
      </c>
      <c r="F7" s="36">
        <v>0.5</v>
      </c>
      <c r="G7" s="37">
        <v>14248</v>
      </c>
      <c r="H7" s="38">
        <v>1244</v>
      </c>
      <c r="I7" s="39">
        <v>8.73</v>
      </c>
      <c r="J7" s="40">
        <v>1</v>
      </c>
      <c r="K7" s="41">
        <v>12159</v>
      </c>
      <c r="L7" s="38">
        <v>1132</v>
      </c>
      <c r="M7" s="39">
        <v>9.3000000000000007</v>
      </c>
      <c r="N7" s="42">
        <v>0.6</v>
      </c>
      <c r="O7" s="11"/>
      <c r="P7" s="3"/>
    </row>
    <row r="8" spans="1:16" ht="18.899999999999999" customHeight="1" x14ac:dyDescent="0.2">
      <c r="A8" s="33">
        <v>2</v>
      </c>
      <c r="B8" s="34" t="s">
        <v>16</v>
      </c>
      <c r="C8" s="43">
        <v>5794</v>
      </c>
      <c r="D8" s="43">
        <v>343</v>
      </c>
      <c r="E8" s="36">
        <v>5.9</v>
      </c>
      <c r="F8" s="36">
        <v>1.2</v>
      </c>
      <c r="G8" s="37">
        <v>5287</v>
      </c>
      <c r="H8" s="38">
        <v>339</v>
      </c>
      <c r="I8" s="40">
        <v>6.41</v>
      </c>
      <c r="J8" s="40">
        <v>0.5</v>
      </c>
      <c r="K8" s="41">
        <v>5406</v>
      </c>
      <c r="L8" s="38">
        <v>326</v>
      </c>
      <c r="M8" s="40">
        <v>6</v>
      </c>
      <c r="N8" s="44">
        <v>-0.4</v>
      </c>
      <c r="O8" s="45"/>
    </row>
    <row r="9" spans="1:16" ht="18.899999999999999" customHeight="1" x14ac:dyDescent="0.2">
      <c r="A9" s="33">
        <v>3</v>
      </c>
      <c r="B9" s="34" t="s">
        <v>17</v>
      </c>
      <c r="C9" s="43">
        <v>2220</v>
      </c>
      <c r="D9" s="43">
        <v>262</v>
      </c>
      <c r="E9" s="36">
        <v>11.8</v>
      </c>
      <c r="F9" s="36">
        <v>-0.5</v>
      </c>
      <c r="G9" s="37">
        <v>1980</v>
      </c>
      <c r="H9" s="38">
        <v>356</v>
      </c>
      <c r="I9" s="40">
        <v>17.97</v>
      </c>
      <c r="J9" s="40">
        <v>6.2</v>
      </c>
      <c r="K9" s="46">
        <v>1435</v>
      </c>
      <c r="L9" s="47">
        <v>129</v>
      </c>
      <c r="M9" s="48">
        <v>9</v>
      </c>
      <c r="N9" s="44">
        <v>-9</v>
      </c>
      <c r="O9" s="45"/>
    </row>
    <row r="10" spans="1:16" ht="18.899999999999999" customHeight="1" x14ac:dyDescent="0.2">
      <c r="A10" s="33">
        <v>4</v>
      </c>
      <c r="B10" s="34" t="s">
        <v>18</v>
      </c>
      <c r="C10" s="43">
        <v>1548</v>
      </c>
      <c r="D10" s="43">
        <v>224</v>
      </c>
      <c r="E10" s="36">
        <v>14.5</v>
      </c>
      <c r="F10" s="36">
        <v>6</v>
      </c>
      <c r="G10" s="37">
        <v>1330</v>
      </c>
      <c r="H10" s="38">
        <v>223</v>
      </c>
      <c r="I10" s="40">
        <v>16.760000000000002</v>
      </c>
      <c r="J10" s="40">
        <v>2.2999999999999998</v>
      </c>
      <c r="K10" s="46">
        <v>1314</v>
      </c>
      <c r="L10" s="47">
        <v>208</v>
      </c>
      <c r="M10" s="48">
        <v>15.8</v>
      </c>
      <c r="N10" s="44">
        <v>-1</v>
      </c>
      <c r="O10" s="45"/>
    </row>
    <row r="11" spans="1:16" ht="18.899999999999999" customHeight="1" x14ac:dyDescent="0.2">
      <c r="A11" s="33">
        <v>5</v>
      </c>
      <c r="B11" s="34" t="s">
        <v>19</v>
      </c>
      <c r="C11" s="43">
        <v>986</v>
      </c>
      <c r="D11" s="43">
        <v>172</v>
      </c>
      <c r="E11" s="36">
        <v>17.399999999999999</v>
      </c>
      <c r="F11" s="36">
        <v>3.2</v>
      </c>
      <c r="G11" s="37">
        <v>975</v>
      </c>
      <c r="H11" s="38">
        <v>166</v>
      </c>
      <c r="I11" s="40">
        <v>17.02</v>
      </c>
      <c r="J11" s="40">
        <v>-0.4</v>
      </c>
      <c r="K11" s="46">
        <v>829</v>
      </c>
      <c r="L11" s="47">
        <v>95</v>
      </c>
      <c r="M11" s="48">
        <v>11.5</v>
      </c>
      <c r="N11" s="44">
        <v>-5.5</v>
      </c>
      <c r="O11" s="45"/>
    </row>
    <row r="12" spans="1:16" ht="18.899999999999999" customHeight="1" x14ac:dyDescent="0.2">
      <c r="A12" s="33">
        <v>6</v>
      </c>
      <c r="B12" s="34" t="s">
        <v>20</v>
      </c>
      <c r="C12" s="43">
        <v>2294</v>
      </c>
      <c r="D12" s="43">
        <v>250</v>
      </c>
      <c r="E12" s="36">
        <v>10.9</v>
      </c>
      <c r="F12" s="36">
        <v>4.5</v>
      </c>
      <c r="G12" s="37">
        <v>2269</v>
      </c>
      <c r="H12" s="38">
        <v>270</v>
      </c>
      <c r="I12" s="40">
        <v>11.89</v>
      </c>
      <c r="J12" s="40">
        <v>1</v>
      </c>
      <c r="K12" s="46">
        <v>2002</v>
      </c>
      <c r="L12" s="47">
        <v>216</v>
      </c>
      <c r="M12" s="48">
        <v>10.8</v>
      </c>
      <c r="N12" s="44">
        <v>-1.1000000000000001</v>
      </c>
      <c r="O12" s="45"/>
    </row>
    <row r="13" spans="1:16" ht="18.899999999999999" customHeight="1" x14ac:dyDescent="0.2">
      <c r="A13" s="33">
        <v>7</v>
      </c>
      <c r="B13" s="34" t="s">
        <v>21</v>
      </c>
      <c r="C13" s="43">
        <v>761</v>
      </c>
      <c r="D13" s="43">
        <v>128</v>
      </c>
      <c r="E13" s="36">
        <v>16.8</v>
      </c>
      <c r="F13" s="36">
        <v>3.8</v>
      </c>
      <c r="G13" s="37">
        <v>749</v>
      </c>
      <c r="H13" s="38">
        <v>105</v>
      </c>
      <c r="I13" s="40">
        <v>14.01</v>
      </c>
      <c r="J13" s="40">
        <v>-2.8</v>
      </c>
      <c r="K13" s="46">
        <v>761</v>
      </c>
      <c r="L13" s="47">
        <v>76</v>
      </c>
      <c r="M13" s="48">
        <v>10</v>
      </c>
      <c r="N13" s="44">
        <v>-4</v>
      </c>
      <c r="O13" s="45"/>
    </row>
    <row r="14" spans="1:16" ht="18.899999999999999" customHeight="1" x14ac:dyDescent="0.2">
      <c r="A14" s="33">
        <v>8</v>
      </c>
      <c r="B14" s="34" t="s">
        <v>22</v>
      </c>
      <c r="C14" s="43">
        <v>1413</v>
      </c>
      <c r="D14" s="43">
        <v>101</v>
      </c>
      <c r="E14" s="36">
        <v>7.1</v>
      </c>
      <c r="F14" s="36">
        <v>2.2999999999999998</v>
      </c>
      <c r="G14" s="37">
        <v>1408</v>
      </c>
      <c r="H14" s="38">
        <v>96</v>
      </c>
      <c r="I14" s="40">
        <v>6.81</v>
      </c>
      <c r="J14" s="40">
        <v>-0.3</v>
      </c>
      <c r="K14" s="46">
        <v>1088</v>
      </c>
      <c r="L14" s="47">
        <v>100</v>
      </c>
      <c r="M14" s="48">
        <v>9.1999999999999993</v>
      </c>
      <c r="N14" s="44">
        <v>2.4</v>
      </c>
      <c r="O14" s="45"/>
    </row>
    <row r="15" spans="1:16" ht="18.899999999999999" customHeight="1" x14ac:dyDescent="0.2">
      <c r="A15" s="33">
        <v>9</v>
      </c>
      <c r="B15" s="34" t="s">
        <v>23</v>
      </c>
      <c r="C15" s="43">
        <v>330</v>
      </c>
      <c r="D15" s="43">
        <v>101</v>
      </c>
      <c r="E15" s="36">
        <v>30.6</v>
      </c>
      <c r="F15" s="36">
        <v>21</v>
      </c>
      <c r="G15" s="37">
        <v>313</v>
      </c>
      <c r="H15" s="38">
        <v>77</v>
      </c>
      <c r="I15" s="40">
        <v>24.6</v>
      </c>
      <c r="J15" s="40">
        <v>-6</v>
      </c>
      <c r="K15" s="46">
        <v>278</v>
      </c>
      <c r="L15" s="47">
        <v>104</v>
      </c>
      <c r="M15" s="48">
        <v>37.4</v>
      </c>
      <c r="N15" s="44">
        <v>12.8</v>
      </c>
      <c r="O15" s="45"/>
    </row>
    <row r="16" spans="1:16" ht="18.899999999999999" customHeight="1" x14ac:dyDescent="0.2">
      <c r="A16" s="33">
        <v>10</v>
      </c>
      <c r="B16" s="34" t="s">
        <v>24</v>
      </c>
      <c r="C16" s="43">
        <v>3384</v>
      </c>
      <c r="D16" s="43">
        <v>553</v>
      </c>
      <c r="E16" s="36">
        <v>16.3</v>
      </c>
      <c r="F16" s="36">
        <v>-7.8</v>
      </c>
      <c r="G16" s="37">
        <v>3235</v>
      </c>
      <c r="H16" s="38">
        <v>540</v>
      </c>
      <c r="I16" s="40">
        <v>16.690000000000001</v>
      </c>
      <c r="J16" s="40">
        <v>0.4</v>
      </c>
      <c r="K16" s="46">
        <v>2640</v>
      </c>
      <c r="L16" s="47">
        <v>413</v>
      </c>
      <c r="M16" s="48">
        <v>15.6</v>
      </c>
      <c r="N16" s="44">
        <v>-1.1000000000000001</v>
      </c>
      <c r="O16" s="45"/>
    </row>
    <row r="17" spans="1:15" ht="18.899999999999999" customHeight="1" x14ac:dyDescent="0.2">
      <c r="A17" s="33">
        <v>11</v>
      </c>
      <c r="B17" s="34" t="s">
        <v>25</v>
      </c>
      <c r="C17" s="43">
        <v>256</v>
      </c>
      <c r="D17" s="43">
        <v>88</v>
      </c>
      <c r="E17" s="36">
        <v>34.4</v>
      </c>
      <c r="F17" s="36">
        <v>2.1</v>
      </c>
      <c r="G17" s="37">
        <v>277</v>
      </c>
      <c r="H17" s="38">
        <v>84</v>
      </c>
      <c r="I17" s="40">
        <v>30.32</v>
      </c>
      <c r="J17" s="40">
        <v>-4.0999999999999996</v>
      </c>
      <c r="K17" s="41">
        <v>281</v>
      </c>
      <c r="L17" s="38">
        <v>103</v>
      </c>
      <c r="M17" s="48">
        <v>36.700000000000003</v>
      </c>
      <c r="N17" s="44">
        <v>6.4</v>
      </c>
      <c r="O17" s="45"/>
    </row>
    <row r="18" spans="1:15" ht="18.899999999999999" customHeight="1" x14ac:dyDescent="0.2">
      <c r="A18" s="33">
        <v>12</v>
      </c>
      <c r="B18" s="34" t="s">
        <v>26</v>
      </c>
      <c r="C18" s="43">
        <v>920</v>
      </c>
      <c r="D18" s="43">
        <v>153</v>
      </c>
      <c r="E18" s="36">
        <v>16.600000000000001</v>
      </c>
      <c r="F18" s="36">
        <v>0.6</v>
      </c>
      <c r="G18" s="37">
        <v>894</v>
      </c>
      <c r="H18" s="38">
        <v>127</v>
      </c>
      <c r="I18" s="40">
        <v>14.2</v>
      </c>
      <c r="J18" s="40">
        <v>-2.4</v>
      </c>
      <c r="K18" s="41">
        <v>710</v>
      </c>
      <c r="L18" s="38">
        <v>127</v>
      </c>
      <c r="M18" s="48">
        <v>17.899999999999999</v>
      </c>
      <c r="N18" s="44">
        <v>3.7</v>
      </c>
      <c r="O18" s="45"/>
    </row>
    <row r="19" spans="1:15" ht="18.899999999999999" customHeight="1" x14ac:dyDescent="0.2">
      <c r="A19" s="33">
        <v>13</v>
      </c>
      <c r="B19" s="34" t="s">
        <v>27</v>
      </c>
      <c r="C19" s="43">
        <v>1164</v>
      </c>
      <c r="D19" s="43">
        <v>182</v>
      </c>
      <c r="E19" s="36">
        <v>15.6</v>
      </c>
      <c r="F19" s="36">
        <v>1.9</v>
      </c>
      <c r="G19" s="37">
        <v>1229</v>
      </c>
      <c r="H19" s="38">
        <v>77</v>
      </c>
      <c r="I19" s="40">
        <v>6.26</v>
      </c>
      <c r="J19" s="40">
        <v>-9.3000000000000007</v>
      </c>
      <c r="K19" s="41">
        <v>975</v>
      </c>
      <c r="L19" s="38">
        <v>205</v>
      </c>
      <c r="M19" s="48">
        <v>21</v>
      </c>
      <c r="N19" s="44">
        <v>14.7</v>
      </c>
      <c r="O19" s="45"/>
    </row>
    <row r="20" spans="1:15" ht="18.899999999999999" customHeight="1" x14ac:dyDescent="0.2">
      <c r="A20" s="33">
        <v>14</v>
      </c>
      <c r="B20" s="34" t="s">
        <v>28</v>
      </c>
      <c r="C20" s="43">
        <v>1188</v>
      </c>
      <c r="D20" s="43">
        <v>242</v>
      </c>
      <c r="E20" s="36">
        <v>20.399999999999999</v>
      </c>
      <c r="F20" s="36">
        <v>-2.1</v>
      </c>
      <c r="G20" s="37">
        <v>1080</v>
      </c>
      <c r="H20" s="38">
        <v>229</v>
      </c>
      <c r="I20" s="40">
        <v>21.2</v>
      </c>
      <c r="J20" s="40">
        <v>0.8</v>
      </c>
      <c r="K20" s="41">
        <v>1071</v>
      </c>
      <c r="L20" s="38">
        <v>193</v>
      </c>
      <c r="M20" s="48">
        <v>18</v>
      </c>
      <c r="N20" s="44">
        <v>-3.2</v>
      </c>
      <c r="O20" s="45"/>
    </row>
    <row r="21" spans="1:15" ht="18.899999999999999" customHeight="1" x14ac:dyDescent="0.2">
      <c r="A21" s="33">
        <v>15</v>
      </c>
      <c r="B21" s="34" t="s">
        <v>29</v>
      </c>
      <c r="C21" s="43">
        <v>559</v>
      </c>
      <c r="D21" s="43">
        <v>75</v>
      </c>
      <c r="E21" s="36">
        <v>13.4</v>
      </c>
      <c r="F21" s="36">
        <v>-2.8</v>
      </c>
      <c r="G21" s="37">
        <v>421</v>
      </c>
      <c r="H21" s="38">
        <v>55</v>
      </c>
      <c r="I21" s="40">
        <v>13.06</v>
      </c>
      <c r="J21" s="40">
        <v>-0.3</v>
      </c>
      <c r="K21" s="41">
        <v>402</v>
      </c>
      <c r="L21" s="38">
        <v>43</v>
      </c>
      <c r="M21" s="48">
        <v>10.7</v>
      </c>
      <c r="N21" s="44">
        <v>-2.4</v>
      </c>
      <c r="O21" s="45"/>
    </row>
    <row r="22" spans="1:15" ht="18.899999999999999" customHeight="1" x14ac:dyDescent="0.2">
      <c r="A22" s="33">
        <v>16</v>
      </c>
      <c r="B22" s="34" t="s">
        <v>30</v>
      </c>
      <c r="C22" s="43">
        <v>834</v>
      </c>
      <c r="D22" s="43">
        <v>59</v>
      </c>
      <c r="E22" s="36">
        <v>7.1</v>
      </c>
      <c r="F22" s="36">
        <v>-1.5</v>
      </c>
      <c r="G22" s="37">
        <v>726</v>
      </c>
      <c r="H22" s="38">
        <v>87</v>
      </c>
      <c r="I22" s="40">
        <v>11.98</v>
      </c>
      <c r="J22" s="40">
        <v>4.9000000000000004</v>
      </c>
      <c r="K22" s="41">
        <v>657</v>
      </c>
      <c r="L22" s="38">
        <v>87</v>
      </c>
      <c r="M22" s="48">
        <v>13.2</v>
      </c>
      <c r="N22" s="44">
        <v>1.2</v>
      </c>
      <c r="O22" s="45"/>
    </row>
    <row r="23" spans="1:15" ht="18.899999999999999" customHeight="1" x14ac:dyDescent="0.2">
      <c r="A23" s="33">
        <v>17</v>
      </c>
      <c r="B23" s="34" t="s">
        <v>31</v>
      </c>
      <c r="C23" s="43">
        <v>757</v>
      </c>
      <c r="D23" s="43">
        <v>62</v>
      </c>
      <c r="E23" s="36">
        <v>8.1999999999999993</v>
      </c>
      <c r="F23" s="36">
        <v>2.7</v>
      </c>
      <c r="G23" s="37">
        <v>583</v>
      </c>
      <c r="H23" s="38">
        <v>40</v>
      </c>
      <c r="I23" s="40">
        <v>6.8609999999999998</v>
      </c>
      <c r="J23" s="40">
        <v>-1.3</v>
      </c>
      <c r="K23" s="41">
        <v>685</v>
      </c>
      <c r="L23" s="38">
        <v>39</v>
      </c>
      <c r="M23" s="48">
        <v>5.7</v>
      </c>
      <c r="N23" s="44">
        <v>-1.2</v>
      </c>
      <c r="O23" s="45"/>
    </row>
    <row r="24" spans="1:15" ht="18.899999999999999" customHeight="1" x14ac:dyDescent="0.2">
      <c r="A24" s="49">
        <v>18</v>
      </c>
      <c r="B24" s="34" t="s">
        <v>32</v>
      </c>
      <c r="C24" s="43">
        <v>178</v>
      </c>
      <c r="D24" s="43">
        <v>47</v>
      </c>
      <c r="E24" s="36">
        <v>26.4</v>
      </c>
      <c r="F24" s="36">
        <v>-1.2</v>
      </c>
      <c r="G24" s="37">
        <v>204</v>
      </c>
      <c r="H24" s="38">
        <v>51</v>
      </c>
      <c r="I24" s="40">
        <v>25</v>
      </c>
      <c r="J24" s="40">
        <v>-1.4</v>
      </c>
      <c r="K24" s="41">
        <v>182</v>
      </c>
      <c r="L24" s="38">
        <v>51</v>
      </c>
      <c r="M24" s="48">
        <v>28</v>
      </c>
      <c r="N24" s="44">
        <v>3</v>
      </c>
      <c r="O24" s="45"/>
    </row>
    <row r="25" spans="1:15" ht="18.899999999999999" customHeight="1" x14ac:dyDescent="0.2">
      <c r="A25" s="33">
        <v>19</v>
      </c>
      <c r="B25" s="50" t="s">
        <v>33</v>
      </c>
      <c r="C25" s="43">
        <v>175</v>
      </c>
      <c r="D25" s="43">
        <v>32</v>
      </c>
      <c r="E25" s="36">
        <v>18.3</v>
      </c>
      <c r="F25" s="36">
        <v>7.8</v>
      </c>
      <c r="G25" s="37">
        <v>157</v>
      </c>
      <c r="H25" s="38">
        <v>27</v>
      </c>
      <c r="I25" s="40">
        <v>17.190000000000001</v>
      </c>
      <c r="J25" s="40">
        <v>-1.1000000000000001</v>
      </c>
      <c r="K25" s="41">
        <v>122</v>
      </c>
      <c r="L25" s="38">
        <v>35</v>
      </c>
      <c r="M25" s="48">
        <v>28.7</v>
      </c>
      <c r="N25" s="44">
        <v>11.5</v>
      </c>
      <c r="O25" s="45"/>
    </row>
    <row r="26" spans="1:15" ht="18.899999999999999" customHeight="1" x14ac:dyDescent="0.2">
      <c r="A26" s="33">
        <v>20</v>
      </c>
      <c r="B26" s="34" t="s">
        <v>34</v>
      </c>
      <c r="C26" s="43">
        <v>291</v>
      </c>
      <c r="D26" s="43">
        <v>43</v>
      </c>
      <c r="E26" s="36">
        <v>14.8</v>
      </c>
      <c r="F26" s="36">
        <v>3.1</v>
      </c>
      <c r="G26" s="37">
        <v>269</v>
      </c>
      <c r="H26" s="38">
        <v>26</v>
      </c>
      <c r="I26" s="40">
        <v>9.66</v>
      </c>
      <c r="J26" s="40">
        <v>-5.0999999999999996</v>
      </c>
      <c r="K26" s="41">
        <v>361</v>
      </c>
      <c r="L26" s="38">
        <v>43</v>
      </c>
      <c r="M26" s="48">
        <v>11.9</v>
      </c>
      <c r="N26" s="44">
        <v>2.2000000000000002</v>
      </c>
      <c r="O26" s="45"/>
    </row>
    <row r="27" spans="1:15" ht="18.899999999999999" customHeight="1" x14ac:dyDescent="0.2">
      <c r="A27" s="49">
        <v>21</v>
      </c>
      <c r="B27" s="34" t="s">
        <v>35</v>
      </c>
      <c r="C27" s="51">
        <v>597</v>
      </c>
      <c r="D27" s="51">
        <v>122</v>
      </c>
      <c r="E27" s="52">
        <v>20.399999999999999</v>
      </c>
      <c r="F27" s="52">
        <v>1.6</v>
      </c>
      <c r="G27" s="53">
        <v>530</v>
      </c>
      <c r="H27" s="54">
        <v>95</v>
      </c>
      <c r="I27" s="39">
        <v>17.920000000000002</v>
      </c>
      <c r="J27" s="40">
        <v>-2.5</v>
      </c>
      <c r="K27" s="55">
        <v>510</v>
      </c>
      <c r="L27" s="54">
        <v>57</v>
      </c>
      <c r="M27" s="56">
        <v>11.2</v>
      </c>
      <c r="N27" s="44">
        <v>-6.7</v>
      </c>
      <c r="O27" s="45"/>
    </row>
    <row r="28" spans="1:15" ht="18.899999999999999" customHeight="1" x14ac:dyDescent="0.2">
      <c r="A28" s="33">
        <v>22</v>
      </c>
      <c r="B28" s="50" t="s">
        <v>36</v>
      </c>
      <c r="C28" s="43">
        <v>240</v>
      </c>
      <c r="D28" s="43">
        <v>29</v>
      </c>
      <c r="E28" s="36">
        <v>12.1</v>
      </c>
      <c r="F28" s="36">
        <v>-2</v>
      </c>
      <c r="G28" s="37">
        <v>256</v>
      </c>
      <c r="H28" s="38">
        <v>21</v>
      </c>
      <c r="I28" s="40">
        <v>8.1999999999999993</v>
      </c>
      <c r="J28" s="40">
        <v>-3.9</v>
      </c>
      <c r="K28" s="41">
        <v>211</v>
      </c>
      <c r="L28" s="38">
        <v>22</v>
      </c>
      <c r="M28" s="48">
        <v>10.4</v>
      </c>
      <c r="N28" s="44">
        <v>2.2000000000000002</v>
      </c>
      <c r="O28" s="45"/>
    </row>
    <row r="29" spans="1:15" ht="18.899999999999999" customHeight="1" x14ac:dyDescent="0.2">
      <c r="A29" s="33">
        <v>23</v>
      </c>
      <c r="B29" s="34" t="s">
        <v>37</v>
      </c>
      <c r="C29" s="43">
        <v>159</v>
      </c>
      <c r="D29" s="43">
        <v>60</v>
      </c>
      <c r="E29" s="36">
        <v>37.700000000000003</v>
      </c>
      <c r="F29" s="36">
        <v>-4.8</v>
      </c>
      <c r="G29" s="37">
        <v>139</v>
      </c>
      <c r="H29" s="38">
        <v>56</v>
      </c>
      <c r="I29" s="40">
        <v>40.28</v>
      </c>
      <c r="J29" s="40">
        <v>2.6</v>
      </c>
      <c r="K29" s="41">
        <v>122</v>
      </c>
      <c r="L29" s="38">
        <v>28</v>
      </c>
      <c r="M29" s="48">
        <v>23</v>
      </c>
      <c r="N29" s="44">
        <v>-17.3</v>
      </c>
      <c r="O29" s="45"/>
    </row>
    <row r="30" spans="1:15" ht="18.899999999999999" customHeight="1" x14ac:dyDescent="0.2">
      <c r="A30" s="33">
        <v>24</v>
      </c>
      <c r="B30" s="34" t="s">
        <v>38</v>
      </c>
      <c r="C30" s="43">
        <v>61</v>
      </c>
      <c r="D30" s="43">
        <v>15</v>
      </c>
      <c r="E30" s="36">
        <v>24.6</v>
      </c>
      <c r="F30" s="36">
        <v>6.7</v>
      </c>
      <c r="G30" s="37">
        <v>56</v>
      </c>
      <c r="H30" s="38">
        <v>18</v>
      </c>
      <c r="I30" s="40">
        <v>32.14</v>
      </c>
      <c r="J30" s="40">
        <v>7.5</v>
      </c>
      <c r="K30" s="41">
        <v>34</v>
      </c>
      <c r="L30" s="38">
        <v>11</v>
      </c>
      <c r="M30" s="48">
        <v>32.4</v>
      </c>
      <c r="N30" s="44">
        <v>0.3</v>
      </c>
      <c r="O30" s="45"/>
    </row>
    <row r="31" spans="1:15" ht="18.899999999999999" customHeight="1" x14ac:dyDescent="0.2">
      <c r="A31" s="33">
        <v>25</v>
      </c>
      <c r="B31" s="34" t="s">
        <v>39</v>
      </c>
      <c r="C31" s="43">
        <v>87</v>
      </c>
      <c r="D31" s="43">
        <v>3</v>
      </c>
      <c r="E31" s="36">
        <v>3.4</v>
      </c>
      <c r="F31" s="36">
        <v>-11.8</v>
      </c>
      <c r="G31" s="37">
        <v>83</v>
      </c>
      <c r="H31" s="38">
        <v>9</v>
      </c>
      <c r="I31" s="40">
        <v>10.84</v>
      </c>
      <c r="J31" s="40">
        <v>7.4</v>
      </c>
      <c r="K31" s="41">
        <v>63</v>
      </c>
      <c r="L31" s="38">
        <v>6</v>
      </c>
      <c r="M31" s="48">
        <v>9.5</v>
      </c>
      <c r="N31" s="44">
        <v>-1.3</v>
      </c>
      <c r="O31" s="45"/>
    </row>
    <row r="32" spans="1:15" ht="18.899999999999999" customHeight="1" x14ac:dyDescent="0.2">
      <c r="A32" s="33">
        <v>26</v>
      </c>
      <c r="B32" s="34" t="s">
        <v>40</v>
      </c>
      <c r="C32" s="43">
        <v>84</v>
      </c>
      <c r="D32" s="43">
        <v>19</v>
      </c>
      <c r="E32" s="36">
        <v>22.6</v>
      </c>
      <c r="F32" s="36">
        <v>-18.7</v>
      </c>
      <c r="G32" s="37">
        <v>94</v>
      </c>
      <c r="H32" s="38">
        <v>19</v>
      </c>
      <c r="I32" s="40">
        <v>20.21</v>
      </c>
      <c r="J32" s="40">
        <v>-2.4</v>
      </c>
      <c r="K32" s="41">
        <v>100</v>
      </c>
      <c r="L32" s="38">
        <v>24</v>
      </c>
      <c r="M32" s="48">
        <v>24</v>
      </c>
      <c r="N32" s="44">
        <v>3.8</v>
      </c>
      <c r="O32" s="45"/>
    </row>
    <row r="33" spans="1:15" ht="18.899999999999999" customHeight="1" x14ac:dyDescent="0.2">
      <c r="A33" s="33">
        <v>27</v>
      </c>
      <c r="B33" s="34" t="s">
        <v>41</v>
      </c>
      <c r="C33" s="43">
        <v>72</v>
      </c>
      <c r="D33" s="43">
        <v>17</v>
      </c>
      <c r="E33" s="36">
        <v>23.6</v>
      </c>
      <c r="F33" s="36">
        <v>-14.2</v>
      </c>
      <c r="G33" s="37">
        <v>84</v>
      </c>
      <c r="H33" s="38">
        <v>23</v>
      </c>
      <c r="I33" s="40">
        <v>27.38</v>
      </c>
      <c r="J33" s="40">
        <v>3.8</v>
      </c>
      <c r="K33" s="41">
        <v>72</v>
      </c>
      <c r="L33" s="38">
        <v>16</v>
      </c>
      <c r="M33" s="48">
        <v>22.2</v>
      </c>
      <c r="N33" s="44">
        <v>-5.2</v>
      </c>
      <c r="O33" s="45"/>
    </row>
    <row r="34" spans="1:15" ht="18.899999999999999" customHeight="1" x14ac:dyDescent="0.2">
      <c r="A34" s="33">
        <v>28</v>
      </c>
      <c r="B34" s="34" t="s">
        <v>42</v>
      </c>
      <c r="C34" s="43">
        <v>91</v>
      </c>
      <c r="D34" s="43">
        <v>68</v>
      </c>
      <c r="E34" s="36">
        <v>74.7</v>
      </c>
      <c r="F34" s="36">
        <v>-0.9</v>
      </c>
      <c r="G34" s="37">
        <v>93</v>
      </c>
      <c r="H34" s="38">
        <v>69</v>
      </c>
      <c r="I34" s="40">
        <v>74.19</v>
      </c>
      <c r="J34" s="40">
        <v>-0.5</v>
      </c>
      <c r="K34" s="41">
        <v>51</v>
      </c>
      <c r="L34" s="38">
        <v>27</v>
      </c>
      <c r="M34" s="48">
        <v>52.9</v>
      </c>
      <c r="N34" s="44">
        <v>-21.3</v>
      </c>
      <c r="O34" s="45"/>
    </row>
    <row r="35" spans="1:15" ht="18.899999999999999" customHeight="1" x14ac:dyDescent="0.2">
      <c r="A35" s="33">
        <v>29</v>
      </c>
      <c r="B35" s="34" t="s">
        <v>43</v>
      </c>
      <c r="C35" s="43">
        <v>58</v>
      </c>
      <c r="D35" s="43">
        <v>12</v>
      </c>
      <c r="E35" s="36">
        <v>20.7</v>
      </c>
      <c r="F35" s="36">
        <v>1.9</v>
      </c>
      <c r="G35" s="37">
        <v>55</v>
      </c>
      <c r="H35" s="38">
        <v>8</v>
      </c>
      <c r="I35" s="40">
        <v>14.54</v>
      </c>
      <c r="J35" s="40">
        <v>-6.2</v>
      </c>
      <c r="K35" s="41">
        <v>42</v>
      </c>
      <c r="L35" s="38">
        <v>9</v>
      </c>
      <c r="M35" s="48">
        <v>21.4</v>
      </c>
      <c r="N35" s="44">
        <v>6.9</v>
      </c>
      <c r="O35" s="45"/>
    </row>
    <row r="36" spans="1:15" ht="18.899999999999999" customHeight="1" x14ac:dyDescent="0.2">
      <c r="A36" s="33">
        <v>30</v>
      </c>
      <c r="B36" s="34" t="s">
        <v>44</v>
      </c>
      <c r="C36" s="43">
        <v>69</v>
      </c>
      <c r="D36" s="43">
        <v>7</v>
      </c>
      <c r="E36" s="36">
        <v>10.1</v>
      </c>
      <c r="F36" s="36">
        <v>0</v>
      </c>
      <c r="G36" s="37">
        <v>60</v>
      </c>
      <c r="H36" s="38">
        <v>5</v>
      </c>
      <c r="I36" s="40">
        <v>8.33</v>
      </c>
      <c r="J36" s="40">
        <v>-1.8</v>
      </c>
      <c r="K36" s="41">
        <v>68</v>
      </c>
      <c r="L36" s="38">
        <v>11</v>
      </c>
      <c r="M36" s="48">
        <v>16.2</v>
      </c>
      <c r="N36" s="44">
        <v>7.9</v>
      </c>
      <c r="O36" s="45"/>
    </row>
    <row r="37" spans="1:15" ht="18.899999999999999" customHeight="1" x14ac:dyDescent="0.2">
      <c r="A37" s="33">
        <v>31</v>
      </c>
      <c r="B37" s="34" t="s">
        <v>45</v>
      </c>
      <c r="C37" s="43">
        <v>174</v>
      </c>
      <c r="D37" s="43">
        <v>34</v>
      </c>
      <c r="E37" s="36">
        <v>19.5</v>
      </c>
      <c r="F37" s="36">
        <v>7.6</v>
      </c>
      <c r="G37" s="37">
        <v>170</v>
      </c>
      <c r="H37" s="38">
        <v>25</v>
      </c>
      <c r="I37" s="40">
        <v>14.7</v>
      </c>
      <c r="J37" s="40">
        <v>-4.8</v>
      </c>
      <c r="K37" s="41">
        <v>125</v>
      </c>
      <c r="L37" s="38">
        <v>16</v>
      </c>
      <c r="M37" s="48">
        <v>12.8</v>
      </c>
      <c r="N37" s="44">
        <v>-1.9</v>
      </c>
      <c r="O37" s="45"/>
    </row>
    <row r="38" spans="1:15" ht="18.899999999999999" customHeight="1" x14ac:dyDescent="0.2">
      <c r="A38" s="33">
        <v>32</v>
      </c>
      <c r="B38" s="34" t="s">
        <v>46</v>
      </c>
      <c r="C38" s="43">
        <v>266</v>
      </c>
      <c r="D38" s="43">
        <v>29</v>
      </c>
      <c r="E38" s="36">
        <v>10.9</v>
      </c>
      <c r="F38" s="36">
        <v>-0.3</v>
      </c>
      <c r="G38" s="37">
        <v>240</v>
      </c>
      <c r="H38" s="38">
        <v>23</v>
      </c>
      <c r="I38" s="40">
        <v>9.58</v>
      </c>
      <c r="J38" s="40">
        <v>-1.3</v>
      </c>
      <c r="K38" s="41">
        <v>215</v>
      </c>
      <c r="L38" s="38">
        <v>33</v>
      </c>
      <c r="M38" s="48">
        <v>15.3</v>
      </c>
      <c r="N38" s="44">
        <v>5.7</v>
      </c>
      <c r="O38" s="45"/>
    </row>
    <row r="39" spans="1:15" ht="18.899999999999999" customHeight="1" thickBot="1" x14ac:dyDescent="0.25">
      <c r="A39" s="57">
        <v>33</v>
      </c>
      <c r="B39" s="58" t="s">
        <v>47</v>
      </c>
      <c r="C39" s="59">
        <v>40</v>
      </c>
      <c r="D39" s="59">
        <v>24</v>
      </c>
      <c r="E39" s="60">
        <v>60</v>
      </c>
      <c r="F39" s="60">
        <v>-16.7</v>
      </c>
      <c r="G39" s="61">
        <v>37</v>
      </c>
      <c r="H39" s="62">
        <v>30</v>
      </c>
      <c r="I39" s="60">
        <v>81.08</v>
      </c>
      <c r="J39" s="63">
        <v>21.1</v>
      </c>
      <c r="K39" s="64">
        <v>34</v>
      </c>
      <c r="L39" s="62">
        <v>16</v>
      </c>
      <c r="M39" s="65">
        <v>47.1</v>
      </c>
      <c r="N39" s="66">
        <v>-34</v>
      </c>
      <c r="O39" s="45"/>
    </row>
    <row r="40" spans="1:15" ht="18.899999999999999" customHeight="1" thickTop="1" x14ac:dyDescent="0.2">
      <c r="A40" s="33">
        <v>301</v>
      </c>
      <c r="B40" s="50" t="s">
        <v>48</v>
      </c>
      <c r="C40" s="43">
        <v>278</v>
      </c>
      <c r="D40" s="43">
        <v>7</v>
      </c>
      <c r="E40" s="36">
        <v>2.5</v>
      </c>
      <c r="F40" s="36">
        <v>-0.7</v>
      </c>
      <c r="G40" s="37">
        <v>261</v>
      </c>
      <c r="H40" s="37">
        <v>7</v>
      </c>
      <c r="I40" s="67">
        <v>3.4</v>
      </c>
      <c r="J40" s="68">
        <v>0.9</v>
      </c>
      <c r="K40" s="41">
        <v>227</v>
      </c>
      <c r="L40" s="37">
        <v>7</v>
      </c>
      <c r="M40" s="69">
        <v>3.1</v>
      </c>
      <c r="N40" s="70">
        <v>-0.3</v>
      </c>
      <c r="O40" s="45"/>
    </row>
    <row r="41" spans="1:15" ht="18.899999999999999" customHeight="1" x14ac:dyDescent="0.2">
      <c r="A41" s="33">
        <v>302</v>
      </c>
      <c r="B41" s="34" t="s">
        <v>49</v>
      </c>
      <c r="C41" s="51">
        <v>335</v>
      </c>
      <c r="D41" s="51">
        <v>16</v>
      </c>
      <c r="E41" s="52">
        <v>4.8</v>
      </c>
      <c r="F41" s="52">
        <v>1.9</v>
      </c>
      <c r="G41" s="71">
        <v>340</v>
      </c>
      <c r="H41" s="71">
        <v>16</v>
      </c>
      <c r="I41" s="72">
        <v>5.9</v>
      </c>
      <c r="J41" s="40">
        <v>1.1000000000000001</v>
      </c>
      <c r="K41" s="73">
        <v>290</v>
      </c>
      <c r="L41" s="74">
        <v>14</v>
      </c>
      <c r="M41" s="75">
        <v>4.8</v>
      </c>
      <c r="N41" s="44">
        <v>-1.1000000000000001</v>
      </c>
      <c r="O41" s="45"/>
    </row>
    <row r="42" spans="1:15" ht="18.899999999999999" customHeight="1" x14ac:dyDescent="0.2">
      <c r="A42" s="33">
        <v>303</v>
      </c>
      <c r="B42" s="34" t="s">
        <v>50</v>
      </c>
      <c r="C42" s="51">
        <v>383</v>
      </c>
      <c r="D42" s="51">
        <v>5</v>
      </c>
      <c r="E42" s="52">
        <v>1.3</v>
      </c>
      <c r="F42" s="52">
        <v>-1.6</v>
      </c>
      <c r="G42" s="71">
        <v>398</v>
      </c>
      <c r="H42" s="71">
        <v>5</v>
      </c>
      <c r="I42" s="72">
        <v>2.8</v>
      </c>
      <c r="J42" s="40">
        <v>1.5</v>
      </c>
      <c r="K42" s="73">
        <v>427</v>
      </c>
      <c r="L42" s="74">
        <v>12</v>
      </c>
      <c r="M42" s="75">
        <v>2.8</v>
      </c>
      <c r="N42" s="44">
        <v>0</v>
      </c>
      <c r="O42" s="45"/>
    </row>
    <row r="43" spans="1:15" ht="18.899999999999999" customHeight="1" x14ac:dyDescent="0.2">
      <c r="A43" s="33">
        <v>304</v>
      </c>
      <c r="B43" s="34" t="s">
        <v>51</v>
      </c>
      <c r="C43" s="51">
        <v>67</v>
      </c>
      <c r="D43" s="51">
        <v>3</v>
      </c>
      <c r="E43" s="52">
        <v>4.5</v>
      </c>
      <c r="F43" s="52">
        <v>4.5</v>
      </c>
      <c r="G43" s="71">
        <v>71</v>
      </c>
      <c r="H43" s="71">
        <v>3</v>
      </c>
      <c r="I43" s="72">
        <v>5.6</v>
      </c>
      <c r="J43" s="40">
        <v>1.1000000000000001</v>
      </c>
      <c r="K43" s="73">
        <v>56</v>
      </c>
      <c r="L43" s="74">
        <v>1</v>
      </c>
      <c r="M43" s="75">
        <v>1.8</v>
      </c>
      <c r="N43" s="44">
        <v>-3.8</v>
      </c>
      <c r="O43" s="45"/>
    </row>
    <row r="44" spans="1:15" ht="18.899999999999999" customHeight="1" x14ac:dyDescent="0.2">
      <c r="A44" s="33">
        <v>305</v>
      </c>
      <c r="B44" s="34" t="s">
        <v>52</v>
      </c>
      <c r="C44" s="51">
        <v>462</v>
      </c>
      <c r="D44" s="51">
        <v>33</v>
      </c>
      <c r="E44" s="52">
        <v>7.1</v>
      </c>
      <c r="F44" s="52">
        <v>2</v>
      </c>
      <c r="G44" s="71">
        <v>418</v>
      </c>
      <c r="H44" s="71">
        <v>33</v>
      </c>
      <c r="I44" s="72">
        <v>12.4</v>
      </c>
      <c r="J44" s="40">
        <v>5.3</v>
      </c>
      <c r="K44" s="73">
        <v>343</v>
      </c>
      <c r="L44" s="74">
        <v>57</v>
      </c>
      <c r="M44" s="75">
        <v>16.600000000000001</v>
      </c>
      <c r="N44" s="44">
        <v>4.2</v>
      </c>
      <c r="O44" s="45"/>
    </row>
    <row r="45" spans="1:15" ht="18.899999999999999" customHeight="1" thickBot="1" x14ac:dyDescent="0.25">
      <c r="A45" s="76">
        <v>306</v>
      </c>
      <c r="B45" s="58" t="s">
        <v>53</v>
      </c>
      <c r="C45" s="77">
        <v>4350</v>
      </c>
      <c r="D45" s="77">
        <v>155</v>
      </c>
      <c r="E45" s="78">
        <v>3.6</v>
      </c>
      <c r="F45" s="78">
        <v>1.4</v>
      </c>
      <c r="G45" s="79">
        <v>4397</v>
      </c>
      <c r="H45" s="79">
        <v>155</v>
      </c>
      <c r="I45" s="80">
        <v>3.4</v>
      </c>
      <c r="J45" s="63">
        <v>-0.2</v>
      </c>
      <c r="K45" s="81">
        <v>4248</v>
      </c>
      <c r="L45" s="82">
        <v>102</v>
      </c>
      <c r="M45" s="83">
        <v>2.4</v>
      </c>
      <c r="N45" s="66">
        <v>-1</v>
      </c>
      <c r="O45" s="45"/>
    </row>
    <row r="46" spans="1:15" ht="18.899999999999999" customHeight="1" thickTop="1" thickBot="1" x14ac:dyDescent="0.25">
      <c r="A46" s="84" t="s">
        <v>54</v>
      </c>
      <c r="B46" s="85"/>
      <c r="C46" s="86">
        <v>41447</v>
      </c>
      <c r="D46" s="86">
        <v>4658</v>
      </c>
      <c r="E46" s="87">
        <v>11.2</v>
      </c>
      <c r="F46" s="87">
        <v>0.3</v>
      </c>
      <c r="G46" s="88">
        <v>39531</v>
      </c>
      <c r="H46" s="88">
        <v>4620</v>
      </c>
      <c r="I46" s="87">
        <v>11.7</v>
      </c>
      <c r="J46" s="89">
        <v>0.5</v>
      </c>
      <c r="K46" s="90">
        <v>35005</v>
      </c>
      <c r="L46" s="91">
        <v>4001</v>
      </c>
      <c r="M46" s="92">
        <v>11.4</v>
      </c>
      <c r="N46" s="93">
        <v>-0.3</v>
      </c>
      <c r="O46" s="45"/>
    </row>
    <row r="47" spans="1:15" ht="18.899999999999999" customHeight="1" thickTop="1" thickBot="1" x14ac:dyDescent="0.25">
      <c r="A47" s="84" t="s">
        <v>55</v>
      </c>
      <c r="B47" s="85"/>
      <c r="C47" s="86">
        <v>5875</v>
      </c>
      <c r="D47" s="86">
        <v>219</v>
      </c>
      <c r="E47" s="87">
        <v>3.7</v>
      </c>
      <c r="F47" s="87">
        <v>1.1000000000000001</v>
      </c>
      <c r="G47" s="88">
        <v>5885</v>
      </c>
      <c r="H47" s="88">
        <v>219</v>
      </c>
      <c r="I47" s="89">
        <v>4.2</v>
      </c>
      <c r="J47" s="89">
        <v>0.5</v>
      </c>
      <c r="K47" s="90">
        <v>5591</v>
      </c>
      <c r="L47" s="91">
        <v>193</v>
      </c>
      <c r="M47" s="94">
        <v>3.5</v>
      </c>
      <c r="N47" s="93">
        <v>-0.7</v>
      </c>
      <c r="O47" s="45"/>
    </row>
    <row r="48" spans="1:15" ht="18.899999999999999" customHeight="1" thickTop="1" thickBot="1" x14ac:dyDescent="0.25">
      <c r="A48" s="95" t="s">
        <v>56</v>
      </c>
      <c r="B48" s="96"/>
      <c r="C48" s="97">
        <v>47322</v>
      </c>
      <c r="D48" s="97">
        <v>4877</v>
      </c>
      <c r="E48" s="98">
        <v>10.3</v>
      </c>
      <c r="F48" s="98">
        <v>0.4</v>
      </c>
      <c r="G48" s="99">
        <v>45416</v>
      </c>
      <c r="H48" s="99">
        <v>4867</v>
      </c>
      <c r="I48" s="98">
        <v>10.7</v>
      </c>
      <c r="J48" s="100">
        <v>0.4</v>
      </c>
      <c r="K48" s="101">
        <v>40596</v>
      </c>
      <c r="L48" s="99">
        <v>4194</v>
      </c>
      <c r="M48" s="102">
        <v>10.3</v>
      </c>
      <c r="N48" s="103">
        <v>-0.4</v>
      </c>
      <c r="O48" s="45"/>
    </row>
    <row r="49" spans="1:1" x14ac:dyDescent="0.2">
      <c r="A49" s="104"/>
    </row>
  </sheetData>
  <mergeCells count="11">
    <mergeCell ref="A46:B46"/>
    <mergeCell ref="A47:B47"/>
    <mergeCell ref="A48:B48"/>
    <mergeCell ref="A3:B6"/>
    <mergeCell ref="C3:N3"/>
    <mergeCell ref="C4:E4"/>
    <mergeCell ref="F4:F6"/>
    <mergeCell ref="G4:I4"/>
    <mergeCell ref="J4:J6"/>
    <mergeCell ref="K4:M4"/>
    <mergeCell ref="N4:N6"/>
  </mergeCells>
  <phoneticPr fontId="3"/>
  <printOptions horizontalCentered="1"/>
  <pageMargins left="0.59055118110236227" right="0.59055118110236227" top="0.59055118110236227" bottom="0.51181102362204722" header="0.51181102362204722" footer="0.55118110236220474"/>
  <headerFooter alignWithMargins="0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保健指導終了率の状況</vt:lpstr>
      <vt:lpstr>保健指導終了率の状況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0:51:35Z</dcterms:created>
  <dcterms:modified xsi:type="dcterms:W3CDTF">2023-01-23T00:51:51Z</dcterms:modified>
</cp:coreProperties>
</file>